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5928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002648\Downloads\"/>
    </mc:Choice>
  </mc:AlternateContent>
  <xr:revisionPtr revIDLastSave="0" documentId="8_{6EBC3380-9B2C-4C61-8485-5486708947FE}" xr6:coauthVersionLast="47" xr6:coauthVersionMax="47" xr10:uidLastSave="{00000000-0000-0000-0000-000000000000}"/>
  <bookViews>
    <workbookView xWindow="-24585" yWindow="1890" windowWidth="21600" windowHeight="11385"/>
  </bookViews>
  <sheets>
    <sheet name="Dressage (1)" sheetId="1" r:id="rId1"/>
  </sheets>
  <definedNames>
    <definedName name="_xlnm._FilterDatabase" localSheetId="0" hidden="1">'Dressage (1)'!$A$1:$R$1</definedName>
  </definedNames>
  <calcPr calcId="0"/>
</workbook>
</file>

<file path=xl/sharedStrings.xml><?xml version="1.0" encoding="utf-8"?>
<sst xmlns="http://schemas.openxmlformats.org/spreadsheetml/2006/main" count="186" uniqueCount="66">
  <si>
    <t>Discipline</t>
  </si>
  <si>
    <t>EventDate</t>
  </si>
  <si>
    <t>EventName</t>
  </si>
  <si>
    <t>Entries</t>
  </si>
  <si>
    <t>TotalPrize</t>
  </si>
  <si>
    <t>HorseNo</t>
  </si>
  <si>
    <t>Horse</t>
  </si>
  <si>
    <t>RiderNo</t>
  </si>
  <si>
    <t>Rider</t>
  </si>
  <si>
    <t>Class</t>
  </si>
  <si>
    <t>Grade</t>
  </si>
  <si>
    <t>Div</t>
  </si>
  <si>
    <t>Place</t>
  </si>
  <si>
    <t>Points</t>
  </si>
  <si>
    <t>Prize</t>
  </si>
  <si>
    <t>DR%</t>
  </si>
  <si>
    <t>Notes</t>
  </si>
  <si>
    <t>AAOR</t>
  </si>
  <si>
    <t>Dressage</t>
  </si>
  <si>
    <t>DTas SZ Flirty February 5th Competition Twenty-23</t>
  </si>
  <si>
    <t>WILARA GUNNEDAH</t>
  </si>
  <si>
    <t>Katherine Drake</t>
  </si>
  <si>
    <t>Official Elementary 3.2</t>
  </si>
  <si>
    <t>No</t>
  </si>
  <si>
    <t>Official Elementary 3.3</t>
  </si>
  <si>
    <t>DEBUSSY</t>
  </si>
  <si>
    <t>Amy Griffiths</t>
  </si>
  <si>
    <t>Official Medium 4.2</t>
  </si>
  <si>
    <t>Official Medium 4.3</t>
  </si>
  <si>
    <t>ALOHA TIGER LILLY</t>
  </si>
  <si>
    <t>Karen Rycroft</t>
  </si>
  <si>
    <t>Official Novice 2.2</t>
  </si>
  <si>
    <t>CHRISTOPH ARTEMESIA</t>
  </si>
  <si>
    <t>Chloe Amos</t>
  </si>
  <si>
    <t>FLOWERVALE SANTA FE</t>
  </si>
  <si>
    <t>Lynda Lonergan</t>
  </si>
  <si>
    <t>Official Preliminary 1.2</t>
  </si>
  <si>
    <t>OSCAR DE LE RENTA BD</t>
  </si>
  <si>
    <t>Jody Rybarczyk</t>
  </si>
  <si>
    <t>ROTHERFIELD SAFFRON</t>
  </si>
  <si>
    <t>Freya Hansen</t>
  </si>
  <si>
    <t>Official Preliminary 1.3</t>
  </si>
  <si>
    <t>OLIVERS PROMISE</t>
  </si>
  <si>
    <t>Kye Ford</t>
  </si>
  <si>
    <t>PONY Novice 2.2</t>
  </si>
  <si>
    <t>PONY Novice 2.3</t>
  </si>
  <si>
    <t>PEC MONTE CARLO</t>
  </si>
  <si>
    <t>Maddie Donaghy</t>
  </si>
  <si>
    <t>PONY Preliminary 1.2</t>
  </si>
  <si>
    <t>PONY Preliminary 1.3</t>
  </si>
  <si>
    <t>TULLYARD JAZZMAN</t>
  </si>
  <si>
    <t>Caitlin De Jersey</t>
  </si>
  <si>
    <t>Prep Test 1</t>
  </si>
  <si>
    <t>POPPY</t>
  </si>
  <si>
    <t>Chloe Dance</t>
  </si>
  <si>
    <t>Prep Test 2</t>
  </si>
  <si>
    <t>Unofficial Novice 2.2</t>
  </si>
  <si>
    <t>PENWOOD EVANTHE</t>
  </si>
  <si>
    <t>Madeleine Way</t>
  </si>
  <si>
    <t>Unofficial Preliminary 1.2</t>
  </si>
  <si>
    <t>CAROLYN DRAGONFLY</t>
  </si>
  <si>
    <t>Safira Crook</t>
  </si>
  <si>
    <t>CHARLIE BROWN</t>
  </si>
  <si>
    <t>Unofficial Preliminary 1.3</t>
  </si>
  <si>
    <t>WINDASON PARK SHINE</t>
  </si>
  <si>
    <t>Lily Curti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FFFFFF"/>
        <bgColor indexed="64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5">
    <xf numFmtId="0" fontId="0" fillId="0" borderId="0" xfId="0"/>
    <xf numFmtId="0" fontId="18" fillId="33" borderId="0" xfId="0" applyFont="1" applyFill="1"/>
    <xf numFmtId="0" fontId="18" fillId="33" borderId="10" xfId="0" applyFont="1" applyFill="1" applyBorder="1" applyAlignment="1">
      <alignment wrapText="1"/>
    </xf>
    <xf numFmtId="0" fontId="19" fillId="33" borderId="10" xfId="0" applyFont="1" applyFill="1" applyBorder="1" applyAlignment="1">
      <alignment wrapText="1"/>
    </xf>
    <xf numFmtId="14" fontId="18" fillId="33" borderId="10" xfId="0" applyNumberFormat="1" applyFont="1" applyFill="1" applyBorder="1" applyAlignment="1">
      <alignment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 2013 - 2022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9"/>
  <sheetViews>
    <sheetView showGridLines="0" tabSelected="1" workbookViewId="0">
      <selection activeCell="J5" sqref="J5"/>
    </sheetView>
  </sheetViews>
  <sheetFormatPr defaultRowHeight="15" x14ac:dyDescent="0.25"/>
  <cols>
    <col min="1" max="1" width="8.28515625" bestFit="1" customWidth="1"/>
    <col min="2" max="2" width="9.42578125" bestFit="1" customWidth="1"/>
    <col min="3" max="3" width="36.5703125" bestFit="1" customWidth="1"/>
    <col min="4" max="4" width="6.42578125" bestFit="1" customWidth="1"/>
    <col min="5" max="5" width="8.7109375" bestFit="1" customWidth="1"/>
    <col min="6" max="6" width="9" bestFit="1" customWidth="1"/>
    <col min="7" max="7" width="19.5703125" bestFit="1" customWidth="1"/>
    <col min="8" max="8" width="8" bestFit="1" customWidth="1"/>
    <col min="9" max="9" width="14.42578125" bestFit="1" customWidth="1"/>
    <col min="10" max="10" width="21.85546875" bestFit="1" customWidth="1"/>
    <col min="11" max="11" width="5.7109375" bestFit="1" customWidth="1"/>
    <col min="12" max="12" width="3.42578125" bestFit="1" customWidth="1"/>
    <col min="13" max="13" width="5" bestFit="1" customWidth="1"/>
    <col min="14" max="14" width="5.85546875" bestFit="1" customWidth="1"/>
    <col min="15" max="15" width="4.85546875" bestFit="1" customWidth="1"/>
    <col min="16" max="16" width="7" bestFit="1" customWidth="1"/>
    <col min="17" max="17" width="5.7109375" bestFit="1" customWidth="1"/>
    <col min="18" max="18" width="5.5703125" bestFit="1" customWidth="1"/>
  </cols>
  <sheetData>
    <row r="1" spans="1:18" s="1" customFormat="1" ht="12.75" x14ac:dyDescent="0.2">
      <c r="A1" s="3" t="s">
        <v>0</v>
      </c>
      <c r="B1" s="3" t="s">
        <v>1</v>
      </c>
      <c r="C1" s="3" t="s">
        <v>2</v>
      </c>
      <c r="D1" s="3" t="s">
        <v>3</v>
      </c>
      <c r="E1" s="3" t="s">
        <v>4</v>
      </c>
      <c r="F1" s="3" t="s">
        <v>5</v>
      </c>
      <c r="G1" s="3" t="s">
        <v>6</v>
      </c>
      <c r="H1" s="3" t="s">
        <v>7</v>
      </c>
      <c r="I1" s="3" t="s">
        <v>8</v>
      </c>
      <c r="J1" s="3" t="s">
        <v>9</v>
      </c>
      <c r="K1" s="3" t="s">
        <v>10</v>
      </c>
      <c r="L1" s="3" t="s">
        <v>11</v>
      </c>
      <c r="M1" s="3" t="s">
        <v>12</v>
      </c>
      <c r="N1" s="3" t="s">
        <v>13</v>
      </c>
      <c r="O1" s="3" t="s">
        <v>14</v>
      </c>
      <c r="P1" s="3" t="s">
        <v>15</v>
      </c>
      <c r="Q1" s="3" t="s">
        <v>16</v>
      </c>
      <c r="R1" s="3" t="s">
        <v>17</v>
      </c>
    </row>
    <row r="2" spans="1:18" s="1" customFormat="1" ht="25.5" x14ac:dyDescent="0.2">
      <c r="A2" s="2" t="s">
        <v>18</v>
      </c>
      <c r="B2" s="4">
        <v>44962</v>
      </c>
      <c r="C2" s="2" t="s">
        <v>19</v>
      </c>
      <c r="D2" s="2">
        <v>1</v>
      </c>
      <c r="E2" s="2">
        <v>0</v>
      </c>
      <c r="F2" s="2">
        <v>40015877</v>
      </c>
      <c r="G2" s="2" t="s">
        <v>20</v>
      </c>
      <c r="H2" s="2"/>
      <c r="I2" s="2" t="s">
        <v>21</v>
      </c>
      <c r="J2" s="2" t="s">
        <v>22</v>
      </c>
      <c r="K2" s="2"/>
      <c r="L2" s="2"/>
      <c r="M2" s="2">
        <v>1</v>
      </c>
      <c r="N2" s="2"/>
      <c r="O2" s="2">
        <v>0</v>
      </c>
      <c r="P2" s="2">
        <v>62.875</v>
      </c>
      <c r="Q2" s="2"/>
      <c r="R2" s="2" t="s">
        <v>23</v>
      </c>
    </row>
    <row r="3" spans="1:18" s="1" customFormat="1" ht="25.5" x14ac:dyDescent="0.2">
      <c r="A3" s="2" t="s">
        <v>18</v>
      </c>
      <c r="B3" s="4">
        <v>44962</v>
      </c>
      <c r="C3" s="2" t="s">
        <v>19</v>
      </c>
      <c r="D3" s="2">
        <v>1</v>
      </c>
      <c r="E3" s="2">
        <v>0</v>
      </c>
      <c r="F3" s="2">
        <v>40015877</v>
      </c>
      <c r="G3" s="2" t="s">
        <v>20</v>
      </c>
      <c r="H3" s="2"/>
      <c r="I3" s="2" t="s">
        <v>21</v>
      </c>
      <c r="J3" s="2" t="s">
        <v>24</v>
      </c>
      <c r="K3" s="2"/>
      <c r="L3" s="2"/>
      <c r="M3" s="2">
        <v>1</v>
      </c>
      <c r="N3" s="2"/>
      <c r="O3" s="2">
        <v>0</v>
      </c>
      <c r="P3" s="2">
        <v>62.378</v>
      </c>
      <c r="Q3" s="2"/>
      <c r="R3" s="2" t="s">
        <v>23</v>
      </c>
    </row>
    <row r="4" spans="1:18" s="1" customFormat="1" ht="25.5" x14ac:dyDescent="0.2">
      <c r="A4" s="2" t="s">
        <v>18</v>
      </c>
      <c r="B4" s="4">
        <v>44962</v>
      </c>
      <c r="C4" s="2" t="s">
        <v>19</v>
      </c>
      <c r="D4" s="2">
        <v>1</v>
      </c>
      <c r="E4" s="2">
        <v>0</v>
      </c>
      <c r="F4" s="2">
        <v>60017450</v>
      </c>
      <c r="G4" s="2" t="s">
        <v>25</v>
      </c>
      <c r="H4" s="2"/>
      <c r="I4" s="2" t="s">
        <v>26</v>
      </c>
      <c r="J4" s="2" t="s">
        <v>27</v>
      </c>
      <c r="K4" s="2"/>
      <c r="L4" s="2"/>
      <c r="M4" s="2">
        <v>1</v>
      </c>
      <c r="N4" s="2"/>
      <c r="O4" s="2">
        <v>0</v>
      </c>
      <c r="P4" s="2">
        <v>67.162000000000006</v>
      </c>
      <c r="Q4" s="2"/>
      <c r="R4" s="2" t="s">
        <v>23</v>
      </c>
    </row>
    <row r="5" spans="1:18" s="1" customFormat="1" ht="25.5" x14ac:dyDescent="0.2">
      <c r="A5" s="2" t="s">
        <v>18</v>
      </c>
      <c r="B5" s="4">
        <v>44962</v>
      </c>
      <c r="C5" s="2" t="s">
        <v>19</v>
      </c>
      <c r="D5" s="2">
        <v>1</v>
      </c>
      <c r="E5" s="2">
        <v>0</v>
      </c>
      <c r="F5" s="2">
        <v>60017450</v>
      </c>
      <c r="G5" s="2" t="s">
        <v>25</v>
      </c>
      <c r="H5" s="2"/>
      <c r="I5" s="2" t="s">
        <v>26</v>
      </c>
      <c r="J5" s="2" t="s">
        <v>28</v>
      </c>
      <c r="K5" s="2"/>
      <c r="L5" s="2"/>
      <c r="M5" s="2">
        <v>1</v>
      </c>
      <c r="N5" s="2"/>
      <c r="O5" s="2">
        <v>0</v>
      </c>
      <c r="P5" s="2">
        <v>66.537999999999997</v>
      </c>
      <c r="Q5" s="2"/>
      <c r="R5" s="2" t="s">
        <v>23</v>
      </c>
    </row>
    <row r="6" spans="1:18" s="1" customFormat="1" ht="25.5" x14ac:dyDescent="0.2">
      <c r="A6" s="2" t="s">
        <v>18</v>
      </c>
      <c r="B6" s="4">
        <v>44962</v>
      </c>
      <c r="C6" s="2" t="s">
        <v>19</v>
      </c>
      <c r="D6" s="2">
        <v>2</v>
      </c>
      <c r="E6" s="2">
        <v>0</v>
      </c>
      <c r="F6" s="2">
        <v>60015133</v>
      </c>
      <c r="G6" s="2" t="s">
        <v>29</v>
      </c>
      <c r="H6" s="2">
        <v>7000538</v>
      </c>
      <c r="I6" s="2" t="s">
        <v>30</v>
      </c>
      <c r="J6" s="2" t="s">
        <v>31</v>
      </c>
      <c r="K6" s="2"/>
      <c r="L6" s="2"/>
      <c r="M6" s="2">
        <v>1</v>
      </c>
      <c r="N6" s="2"/>
      <c r="O6" s="2">
        <v>0</v>
      </c>
      <c r="P6" s="2">
        <v>61.094000000000001</v>
      </c>
      <c r="Q6" s="2"/>
      <c r="R6" s="2" t="s">
        <v>23</v>
      </c>
    </row>
    <row r="7" spans="1:18" s="1" customFormat="1" ht="25.5" x14ac:dyDescent="0.2">
      <c r="A7" s="2" t="s">
        <v>18</v>
      </c>
      <c r="B7" s="4">
        <v>44962</v>
      </c>
      <c r="C7" s="2" t="s">
        <v>19</v>
      </c>
      <c r="D7" s="2">
        <v>2</v>
      </c>
      <c r="E7" s="2">
        <v>0</v>
      </c>
      <c r="F7" s="2">
        <v>60027252</v>
      </c>
      <c r="G7" s="2" t="s">
        <v>32</v>
      </c>
      <c r="H7" s="2">
        <v>1002309</v>
      </c>
      <c r="I7" s="2" t="s">
        <v>33</v>
      </c>
      <c r="J7" s="2" t="s">
        <v>31</v>
      </c>
      <c r="K7" s="2"/>
      <c r="L7" s="2"/>
      <c r="M7" s="2">
        <v>2</v>
      </c>
      <c r="N7" s="2"/>
      <c r="O7" s="2">
        <v>0</v>
      </c>
      <c r="P7" s="2">
        <v>57.655999999999999</v>
      </c>
      <c r="Q7" s="2"/>
      <c r="R7" s="2" t="s">
        <v>23</v>
      </c>
    </row>
    <row r="8" spans="1:18" s="1" customFormat="1" ht="25.5" x14ac:dyDescent="0.2">
      <c r="A8" s="2" t="s">
        <v>18</v>
      </c>
      <c r="B8" s="4">
        <v>44962</v>
      </c>
      <c r="C8" s="2" t="s">
        <v>19</v>
      </c>
      <c r="D8" s="2">
        <v>3</v>
      </c>
      <c r="E8" s="2">
        <v>0</v>
      </c>
      <c r="F8" s="2">
        <v>60005831</v>
      </c>
      <c r="G8" s="2" t="s">
        <v>34</v>
      </c>
      <c r="H8" s="2">
        <v>7001237</v>
      </c>
      <c r="I8" s="2" t="s">
        <v>35</v>
      </c>
      <c r="J8" s="2" t="s">
        <v>36</v>
      </c>
      <c r="K8" s="2"/>
      <c r="L8" s="2"/>
      <c r="M8" s="2">
        <v>1</v>
      </c>
      <c r="N8" s="2"/>
      <c r="O8" s="2">
        <v>0</v>
      </c>
      <c r="P8" s="2">
        <v>65.625</v>
      </c>
      <c r="Q8" s="2"/>
      <c r="R8" s="2" t="s">
        <v>23</v>
      </c>
    </row>
    <row r="9" spans="1:18" s="1" customFormat="1" ht="25.5" x14ac:dyDescent="0.2">
      <c r="A9" s="2" t="s">
        <v>18</v>
      </c>
      <c r="B9" s="4">
        <v>44962</v>
      </c>
      <c r="C9" s="2" t="s">
        <v>19</v>
      </c>
      <c r="D9" s="2">
        <v>3</v>
      </c>
      <c r="E9" s="2">
        <v>0</v>
      </c>
      <c r="F9" s="2">
        <v>60031060</v>
      </c>
      <c r="G9" s="2" t="s">
        <v>37</v>
      </c>
      <c r="H9" s="2">
        <v>2107205</v>
      </c>
      <c r="I9" s="2" t="s">
        <v>38</v>
      </c>
      <c r="J9" s="2" t="s">
        <v>36</v>
      </c>
      <c r="K9" s="2"/>
      <c r="L9" s="2"/>
      <c r="M9" s="2">
        <v>2</v>
      </c>
      <c r="N9" s="2"/>
      <c r="O9" s="2">
        <v>0</v>
      </c>
      <c r="P9" s="2">
        <v>64.820999999999998</v>
      </c>
      <c r="Q9" s="2"/>
      <c r="R9" s="2" t="s">
        <v>23</v>
      </c>
    </row>
    <row r="10" spans="1:18" s="1" customFormat="1" ht="25.5" x14ac:dyDescent="0.2">
      <c r="A10" s="2" t="s">
        <v>18</v>
      </c>
      <c r="B10" s="4">
        <v>44962</v>
      </c>
      <c r="C10" s="2" t="s">
        <v>19</v>
      </c>
      <c r="D10" s="2">
        <v>3</v>
      </c>
      <c r="E10" s="2">
        <v>0</v>
      </c>
      <c r="F10" s="2">
        <v>22001745</v>
      </c>
      <c r="G10" s="2" t="s">
        <v>39</v>
      </c>
      <c r="H10" s="2"/>
      <c r="I10" s="2" t="s">
        <v>40</v>
      </c>
      <c r="J10" s="2" t="s">
        <v>36</v>
      </c>
      <c r="K10" s="2"/>
      <c r="L10" s="2"/>
      <c r="M10" s="2">
        <v>3</v>
      </c>
      <c r="N10" s="2"/>
      <c r="O10" s="2">
        <v>0</v>
      </c>
      <c r="P10" s="2">
        <v>56.161000000000001</v>
      </c>
      <c r="Q10" s="2"/>
      <c r="R10" s="2" t="s">
        <v>23</v>
      </c>
    </row>
    <row r="11" spans="1:18" s="1" customFormat="1" ht="25.5" x14ac:dyDescent="0.2">
      <c r="A11" s="2" t="s">
        <v>18</v>
      </c>
      <c r="B11" s="4">
        <v>44962</v>
      </c>
      <c r="C11" s="2" t="s">
        <v>19</v>
      </c>
      <c r="D11" s="2">
        <v>3</v>
      </c>
      <c r="E11" s="2">
        <v>0</v>
      </c>
      <c r="F11" s="2"/>
      <c r="G11" s="2" t="s">
        <v>34</v>
      </c>
      <c r="H11" s="2">
        <v>7001237</v>
      </c>
      <c r="I11" s="2" t="s">
        <v>35</v>
      </c>
      <c r="J11" s="2" t="s">
        <v>41</v>
      </c>
      <c r="K11" s="2"/>
      <c r="L11" s="2"/>
      <c r="M11" s="2">
        <v>1</v>
      </c>
      <c r="N11" s="2"/>
      <c r="O11" s="2">
        <v>0</v>
      </c>
      <c r="P11" s="2">
        <v>69.582999999999998</v>
      </c>
      <c r="Q11" s="2"/>
      <c r="R11" s="2" t="s">
        <v>23</v>
      </c>
    </row>
    <row r="12" spans="1:18" s="1" customFormat="1" ht="25.5" x14ac:dyDescent="0.2">
      <c r="A12" s="2" t="s">
        <v>18</v>
      </c>
      <c r="B12" s="4">
        <v>44962</v>
      </c>
      <c r="C12" s="2" t="s">
        <v>19</v>
      </c>
      <c r="D12" s="2">
        <v>3</v>
      </c>
      <c r="E12" s="2">
        <v>0</v>
      </c>
      <c r="F12" s="2">
        <v>60031060</v>
      </c>
      <c r="G12" s="2" t="s">
        <v>37</v>
      </c>
      <c r="H12" s="2">
        <v>2107205</v>
      </c>
      <c r="I12" s="2" t="s">
        <v>38</v>
      </c>
      <c r="J12" s="2" t="s">
        <v>41</v>
      </c>
      <c r="K12" s="2"/>
      <c r="L12" s="2"/>
      <c r="M12" s="2">
        <v>2</v>
      </c>
      <c r="N12" s="2"/>
      <c r="O12" s="2">
        <v>0</v>
      </c>
      <c r="P12" s="2">
        <v>65.625</v>
      </c>
      <c r="Q12" s="2"/>
      <c r="R12" s="2" t="s">
        <v>23</v>
      </c>
    </row>
    <row r="13" spans="1:18" s="1" customFormat="1" ht="25.5" x14ac:dyDescent="0.2">
      <c r="A13" s="2" t="s">
        <v>18</v>
      </c>
      <c r="B13" s="4">
        <v>44962</v>
      </c>
      <c r="C13" s="2" t="s">
        <v>19</v>
      </c>
      <c r="D13" s="2">
        <v>3</v>
      </c>
      <c r="E13" s="2">
        <v>0</v>
      </c>
      <c r="F13" s="2">
        <v>22001745</v>
      </c>
      <c r="G13" s="2" t="s">
        <v>39</v>
      </c>
      <c r="H13" s="2"/>
      <c r="I13" s="2" t="s">
        <v>40</v>
      </c>
      <c r="J13" s="2" t="s">
        <v>41</v>
      </c>
      <c r="K13" s="2"/>
      <c r="L13" s="2"/>
      <c r="M13" s="2">
        <v>3</v>
      </c>
      <c r="N13" s="2"/>
      <c r="O13" s="2">
        <v>0</v>
      </c>
      <c r="P13" s="2">
        <v>56.353999999999999</v>
      </c>
      <c r="Q13" s="2"/>
      <c r="R13" s="2" t="s">
        <v>23</v>
      </c>
    </row>
    <row r="14" spans="1:18" s="1" customFormat="1" ht="25.5" x14ac:dyDescent="0.2">
      <c r="A14" s="2" t="s">
        <v>18</v>
      </c>
      <c r="B14" s="4">
        <v>44962</v>
      </c>
      <c r="C14" s="2" t="s">
        <v>19</v>
      </c>
      <c r="D14" s="2">
        <v>1</v>
      </c>
      <c r="E14" s="2">
        <v>0</v>
      </c>
      <c r="F14" s="2"/>
      <c r="G14" s="2" t="s">
        <v>42</v>
      </c>
      <c r="H14" s="2"/>
      <c r="I14" s="2" t="s">
        <v>43</v>
      </c>
      <c r="J14" s="2" t="s">
        <v>44</v>
      </c>
      <c r="K14" s="2"/>
      <c r="L14" s="2"/>
      <c r="M14" s="2">
        <v>1</v>
      </c>
      <c r="N14" s="2"/>
      <c r="O14" s="2">
        <v>0</v>
      </c>
      <c r="P14" s="2">
        <v>60.469000000000001</v>
      </c>
      <c r="Q14" s="2"/>
      <c r="R14" s="2" t="s">
        <v>23</v>
      </c>
    </row>
    <row r="15" spans="1:18" s="1" customFormat="1" ht="25.5" x14ac:dyDescent="0.2">
      <c r="A15" s="2" t="s">
        <v>18</v>
      </c>
      <c r="B15" s="4">
        <v>44962</v>
      </c>
      <c r="C15" s="2" t="s">
        <v>19</v>
      </c>
      <c r="D15" s="2">
        <v>1</v>
      </c>
      <c r="E15" s="2">
        <v>0</v>
      </c>
      <c r="F15" s="2"/>
      <c r="G15" s="2" t="s">
        <v>42</v>
      </c>
      <c r="H15" s="2"/>
      <c r="I15" s="2" t="s">
        <v>43</v>
      </c>
      <c r="J15" s="2" t="s">
        <v>45</v>
      </c>
      <c r="K15" s="2"/>
      <c r="L15" s="2"/>
      <c r="M15" s="2">
        <v>1</v>
      </c>
      <c r="N15" s="2"/>
      <c r="O15" s="2">
        <v>0</v>
      </c>
      <c r="P15" s="2">
        <v>59.856999999999999</v>
      </c>
      <c r="Q15" s="2"/>
      <c r="R15" s="2" t="s">
        <v>23</v>
      </c>
    </row>
    <row r="16" spans="1:18" s="1" customFormat="1" ht="25.5" x14ac:dyDescent="0.2">
      <c r="A16" s="2" t="s">
        <v>18</v>
      </c>
      <c r="B16" s="4">
        <v>44962</v>
      </c>
      <c r="C16" s="2" t="s">
        <v>19</v>
      </c>
      <c r="D16" s="2">
        <v>1</v>
      </c>
      <c r="E16" s="2">
        <v>0</v>
      </c>
      <c r="F16" s="2">
        <v>60011727</v>
      </c>
      <c r="G16" s="2" t="s">
        <v>46</v>
      </c>
      <c r="H16" s="2">
        <v>1044924</v>
      </c>
      <c r="I16" s="2" t="s">
        <v>47</v>
      </c>
      <c r="J16" s="2" t="s">
        <v>48</v>
      </c>
      <c r="K16" s="2"/>
      <c r="L16" s="2"/>
      <c r="M16" s="2">
        <v>1</v>
      </c>
      <c r="N16" s="2"/>
      <c r="O16" s="2">
        <v>0</v>
      </c>
      <c r="P16" s="2">
        <v>60.445999999999998</v>
      </c>
      <c r="Q16" s="2"/>
      <c r="R16" s="2" t="s">
        <v>23</v>
      </c>
    </row>
    <row r="17" spans="1:18" s="1" customFormat="1" ht="25.5" x14ac:dyDescent="0.2">
      <c r="A17" s="2" t="s">
        <v>18</v>
      </c>
      <c r="B17" s="4">
        <v>44962</v>
      </c>
      <c r="C17" s="2" t="s">
        <v>19</v>
      </c>
      <c r="D17" s="2">
        <v>1</v>
      </c>
      <c r="E17" s="2">
        <v>0</v>
      </c>
      <c r="F17" s="2">
        <v>60011727</v>
      </c>
      <c r="G17" s="2" t="s">
        <v>46</v>
      </c>
      <c r="H17" s="2">
        <v>1044924</v>
      </c>
      <c r="I17" s="2" t="s">
        <v>47</v>
      </c>
      <c r="J17" s="2" t="s">
        <v>49</v>
      </c>
      <c r="K17" s="2"/>
      <c r="L17" s="2"/>
      <c r="M17" s="2">
        <v>1</v>
      </c>
      <c r="N17" s="2"/>
      <c r="O17" s="2">
        <v>0</v>
      </c>
      <c r="P17" s="2">
        <v>58.125</v>
      </c>
      <c r="Q17" s="2"/>
      <c r="R17" s="2" t="s">
        <v>23</v>
      </c>
    </row>
    <row r="18" spans="1:18" s="1" customFormat="1" ht="25.5" x14ac:dyDescent="0.2">
      <c r="A18" s="2" t="s">
        <v>18</v>
      </c>
      <c r="B18" s="4">
        <v>44962</v>
      </c>
      <c r="C18" s="2" t="s">
        <v>19</v>
      </c>
      <c r="D18" s="2">
        <v>2</v>
      </c>
      <c r="E18" s="2">
        <v>0</v>
      </c>
      <c r="F18" s="2"/>
      <c r="G18" s="2" t="s">
        <v>50</v>
      </c>
      <c r="H18" s="2"/>
      <c r="I18" s="2" t="s">
        <v>51</v>
      </c>
      <c r="J18" s="2" t="s">
        <v>52</v>
      </c>
      <c r="K18" s="2"/>
      <c r="L18" s="2"/>
      <c r="M18" s="2">
        <v>1</v>
      </c>
      <c r="N18" s="2"/>
      <c r="O18" s="2">
        <v>0</v>
      </c>
      <c r="P18" s="2">
        <v>57</v>
      </c>
      <c r="Q18" s="2"/>
      <c r="R18" s="2" t="s">
        <v>23</v>
      </c>
    </row>
    <row r="19" spans="1:18" s="1" customFormat="1" ht="25.5" x14ac:dyDescent="0.2">
      <c r="A19" s="2" t="s">
        <v>18</v>
      </c>
      <c r="B19" s="4">
        <v>44962</v>
      </c>
      <c r="C19" s="2" t="s">
        <v>19</v>
      </c>
      <c r="D19" s="2">
        <v>2</v>
      </c>
      <c r="E19" s="2">
        <v>0</v>
      </c>
      <c r="F19" s="2"/>
      <c r="G19" s="2" t="s">
        <v>53</v>
      </c>
      <c r="H19" s="2"/>
      <c r="I19" s="2" t="s">
        <v>54</v>
      </c>
      <c r="J19" s="2" t="s">
        <v>52</v>
      </c>
      <c r="K19" s="2"/>
      <c r="L19" s="2"/>
      <c r="M19" s="2">
        <v>2</v>
      </c>
      <c r="N19" s="2"/>
      <c r="O19" s="2">
        <v>0</v>
      </c>
      <c r="P19" s="2">
        <v>53.332999999999998</v>
      </c>
      <c r="Q19" s="2"/>
      <c r="R19" s="2" t="s">
        <v>23</v>
      </c>
    </row>
    <row r="20" spans="1:18" s="1" customFormat="1" ht="25.5" x14ac:dyDescent="0.2">
      <c r="A20" s="2" t="s">
        <v>18</v>
      </c>
      <c r="B20" s="4">
        <v>44962</v>
      </c>
      <c r="C20" s="2" t="s">
        <v>19</v>
      </c>
      <c r="D20" s="2">
        <v>2</v>
      </c>
      <c r="E20" s="2">
        <v>0</v>
      </c>
      <c r="F20" s="2"/>
      <c r="G20" s="2" t="s">
        <v>50</v>
      </c>
      <c r="H20" s="2"/>
      <c r="I20" s="2" t="s">
        <v>51</v>
      </c>
      <c r="J20" s="2" t="s">
        <v>55</v>
      </c>
      <c r="K20" s="2"/>
      <c r="L20" s="2"/>
      <c r="M20" s="2">
        <v>1</v>
      </c>
      <c r="N20" s="2"/>
      <c r="O20" s="2">
        <v>0</v>
      </c>
      <c r="P20" s="2">
        <v>57</v>
      </c>
      <c r="Q20" s="2"/>
      <c r="R20" s="2" t="s">
        <v>23</v>
      </c>
    </row>
    <row r="21" spans="1:18" s="1" customFormat="1" ht="25.5" x14ac:dyDescent="0.2">
      <c r="A21" s="2" t="s">
        <v>18</v>
      </c>
      <c r="B21" s="4">
        <v>44962</v>
      </c>
      <c r="C21" s="2" t="s">
        <v>19</v>
      </c>
      <c r="D21" s="2">
        <v>2</v>
      </c>
      <c r="E21" s="2">
        <v>0</v>
      </c>
      <c r="F21" s="2"/>
      <c r="G21" s="2" t="s">
        <v>53</v>
      </c>
      <c r="H21" s="2"/>
      <c r="I21" s="2" t="s">
        <v>54</v>
      </c>
      <c r="J21" s="2" t="s">
        <v>55</v>
      </c>
      <c r="K21" s="2"/>
      <c r="L21" s="2"/>
      <c r="M21" s="2">
        <v>2</v>
      </c>
      <c r="N21" s="2"/>
      <c r="O21" s="2">
        <v>0</v>
      </c>
      <c r="P21" s="2">
        <v>53.332999999999998</v>
      </c>
      <c r="Q21" s="2"/>
      <c r="R21" s="2" t="s">
        <v>23</v>
      </c>
    </row>
    <row r="22" spans="1:18" s="1" customFormat="1" ht="25.5" x14ac:dyDescent="0.2">
      <c r="A22" s="2" t="s">
        <v>18</v>
      </c>
      <c r="B22" s="4">
        <v>44962</v>
      </c>
      <c r="C22" s="2" t="s">
        <v>19</v>
      </c>
      <c r="D22" s="2">
        <v>1</v>
      </c>
      <c r="E22" s="2">
        <v>0</v>
      </c>
      <c r="F22" s="2">
        <v>60027252</v>
      </c>
      <c r="G22" s="2" t="s">
        <v>32</v>
      </c>
      <c r="H22" s="2">
        <v>1002309</v>
      </c>
      <c r="I22" s="2" t="s">
        <v>33</v>
      </c>
      <c r="J22" s="2" t="s">
        <v>56</v>
      </c>
      <c r="K22" s="2"/>
      <c r="L22" s="2"/>
      <c r="M22" s="2">
        <v>1</v>
      </c>
      <c r="N22" s="2"/>
      <c r="O22" s="2">
        <v>0</v>
      </c>
      <c r="P22" s="2">
        <v>57.265999999999998</v>
      </c>
      <c r="Q22" s="2"/>
      <c r="R22" s="2" t="s">
        <v>23</v>
      </c>
    </row>
    <row r="23" spans="1:18" s="1" customFormat="1" ht="25.5" x14ac:dyDescent="0.2">
      <c r="A23" s="2" t="s">
        <v>18</v>
      </c>
      <c r="B23" s="4">
        <v>44962</v>
      </c>
      <c r="C23" s="2" t="s">
        <v>19</v>
      </c>
      <c r="D23" s="2">
        <v>3</v>
      </c>
      <c r="E23" s="2">
        <v>0</v>
      </c>
      <c r="F23" s="2"/>
      <c r="G23" s="2" t="s">
        <v>57</v>
      </c>
      <c r="H23" s="2"/>
      <c r="I23" s="2" t="s">
        <v>58</v>
      </c>
      <c r="J23" s="2" t="s">
        <v>59</v>
      </c>
      <c r="K23" s="2"/>
      <c r="L23" s="2"/>
      <c r="M23" s="2">
        <v>1</v>
      </c>
      <c r="N23" s="2"/>
      <c r="O23" s="2">
        <v>0</v>
      </c>
      <c r="P23" s="2">
        <v>67.856999999999999</v>
      </c>
      <c r="Q23" s="2"/>
      <c r="R23" s="2" t="s">
        <v>23</v>
      </c>
    </row>
    <row r="24" spans="1:18" s="1" customFormat="1" ht="25.5" x14ac:dyDescent="0.2">
      <c r="A24" s="2" t="s">
        <v>18</v>
      </c>
      <c r="B24" s="4">
        <v>44962</v>
      </c>
      <c r="C24" s="2" t="s">
        <v>19</v>
      </c>
      <c r="D24" s="2">
        <v>3</v>
      </c>
      <c r="E24" s="2">
        <v>0</v>
      </c>
      <c r="F24" s="2"/>
      <c r="G24" s="2" t="s">
        <v>60</v>
      </c>
      <c r="H24" s="2"/>
      <c r="I24" s="2" t="s">
        <v>61</v>
      </c>
      <c r="J24" s="2" t="s">
        <v>59</v>
      </c>
      <c r="K24" s="2"/>
      <c r="L24" s="2"/>
      <c r="M24" s="2">
        <v>2</v>
      </c>
      <c r="N24" s="2"/>
      <c r="O24" s="2">
        <v>0</v>
      </c>
      <c r="P24" s="2">
        <v>63.570999999999998</v>
      </c>
      <c r="Q24" s="2"/>
      <c r="R24" s="2" t="s">
        <v>23</v>
      </c>
    </row>
    <row r="25" spans="1:18" s="1" customFormat="1" ht="25.5" x14ac:dyDescent="0.2">
      <c r="A25" s="2" t="s">
        <v>18</v>
      </c>
      <c r="B25" s="4">
        <v>44962</v>
      </c>
      <c r="C25" s="2" t="s">
        <v>19</v>
      </c>
      <c r="D25" s="2">
        <v>3</v>
      </c>
      <c r="E25" s="2">
        <v>0</v>
      </c>
      <c r="F25" s="2"/>
      <c r="G25" s="2" t="s">
        <v>62</v>
      </c>
      <c r="H25" s="2"/>
      <c r="I25" s="2" t="s">
        <v>61</v>
      </c>
      <c r="J25" s="2" t="s">
        <v>59</v>
      </c>
      <c r="K25" s="2"/>
      <c r="L25" s="2"/>
      <c r="M25" s="2">
        <v>3</v>
      </c>
      <c r="N25" s="2"/>
      <c r="O25" s="2">
        <v>0</v>
      </c>
      <c r="P25" s="2">
        <v>62.054000000000002</v>
      </c>
      <c r="Q25" s="2"/>
      <c r="R25" s="2" t="s">
        <v>23</v>
      </c>
    </row>
    <row r="26" spans="1:18" s="1" customFormat="1" ht="25.5" x14ac:dyDescent="0.2">
      <c r="A26" s="2" t="s">
        <v>18</v>
      </c>
      <c r="B26" s="4">
        <v>44962</v>
      </c>
      <c r="C26" s="2" t="s">
        <v>19</v>
      </c>
      <c r="D26" s="2">
        <v>4</v>
      </c>
      <c r="E26" s="2">
        <v>0</v>
      </c>
      <c r="F26" s="2"/>
      <c r="G26" s="2" t="s">
        <v>60</v>
      </c>
      <c r="H26" s="2"/>
      <c r="I26" s="2" t="s">
        <v>61</v>
      </c>
      <c r="J26" s="2" t="s">
        <v>63</v>
      </c>
      <c r="K26" s="2"/>
      <c r="L26" s="2"/>
      <c r="M26" s="2">
        <v>1</v>
      </c>
      <c r="N26" s="2"/>
      <c r="O26" s="2">
        <v>0</v>
      </c>
      <c r="P26" s="2">
        <v>66.771000000000001</v>
      </c>
      <c r="Q26" s="2"/>
      <c r="R26" s="2" t="s">
        <v>23</v>
      </c>
    </row>
    <row r="27" spans="1:18" s="1" customFormat="1" ht="25.5" x14ac:dyDescent="0.2">
      <c r="A27" s="2" t="s">
        <v>18</v>
      </c>
      <c r="B27" s="4">
        <v>44962</v>
      </c>
      <c r="C27" s="2" t="s">
        <v>19</v>
      </c>
      <c r="D27" s="2">
        <v>4</v>
      </c>
      <c r="E27" s="2">
        <v>0</v>
      </c>
      <c r="F27" s="2"/>
      <c r="G27" s="2" t="s">
        <v>62</v>
      </c>
      <c r="H27" s="2"/>
      <c r="I27" s="2" t="s">
        <v>61</v>
      </c>
      <c r="J27" s="2" t="s">
        <v>63</v>
      </c>
      <c r="K27" s="2"/>
      <c r="L27" s="2"/>
      <c r="M27" s="2">
        <v>2</v>
      </c>
      <c r="N27" s="2"/>
      <c r="O27" s="2">
        <v>0</v>
      </c>
      <c r="P27" s="2">
        <v>65.103999999999999</v>
      </c>
      <c r="Q27" s="2"/>
      <c r="R27" s="2" t="s">
        <v>23</v>
      </c>
    </row>
    <row r="28" spans="1:18" s="1" customFormat="1" ht="25.5" x14ac:dyDescent="0.2">
      <c r="A28" s="2" t="s">
        <v>18</v>
      </c>
      <c r="B28" s="4">
        <v>44962</v>
      </c>
      <c r="C28" s="2" t="s">
        <v>19</v>
      </c>
      <c r="D28" s="2">
        <v>4</v>
      </c>
      <c r="E28" s="2">
        <v>0</v>
      </c>
      <c r="F28" s="2"/>
      <c r="G28" s="2" t="s">
        <v>57</v>
      </c>
      <c r="H28" s="2"/>
      <c r="I28" s="2" t="s">
        <v>58</v>
      </c>
      <c r="J28" s="2" t="s">
        <v>63</v>
      </c>
      <c r="K28" s="2"/>
      <c r="L28" s="2"/>
      <c r="M28" s="2">
        <v>3</v>
      </c>
      <c r="N28" s="2"/>
      <c r="O28" s="2">
        <v>0</v>
      </c>
      <c r="P28" s="2">
        <v>62.603999999999999</v>
      </c>
      <c r="Q28" s="2"/>
      <c r="R28" s="2" t="s">
        <v>23</v>
      </c>
    </row>
    <row r="29" spans="1:18" s="1" customFormat="1" ht="25.5" x14ac:dyDescent="0.2">
      <c r="A29" s="2" t="s">
        <v>18</v>
      </c>
      <c r="B29" s="4">
        <v>44962</v>
      </c>
      <c r="C29" s="2" t="s">
        <v>19</v>
      </c>
      <c r="D29" s="2">
        <v>4</v>
      </c>
      <c r="E29" s="2">
        <v>0</v>
      </c>
      <c r="F29" s="2">
        <v>60012748</v>
      </c>
      <c r="G29" s="2" t="s">
        <v>64</v>
      </c>
      <c r="H29" s="2">
        <v>1045954</v>
      </c>
      <c r="I29" s="2" t="s">
        <v>65</v>
      </c>
      <c r="J29" s="2" t="s">
        <v>63</v>
      </c>
      <c r="K29" s="2"/>
      <c r="L29" s="2"/>
      <c r="M29" s="2">
        <v>4</v>
      </c>
      <c r="N29" s="2"/>
      <c r="O29" s="2">
        <v>0</v>
      </c>
      <c r="P29" s="2">
        <v>57.188000000000002</v>
      </c>
      <c r="Q29" s="2"/>
      <c r="R29" s="2" t="s">
        <v>23</v>
      </c>
    </row>
  </sheetData>
  <autoFilter ref="A1:R1"/>
  <pageMargins left="0.75" right="0.75" top="1" bottom="1" header="0.5" footer="0.5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Dressage (1)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tewart, Heather</dc:creator>
  <cp:lastModifiedBy>Stewart, Heather</cp:lastModifiedBy>
  <dcterms:created xsi:type="dcterms:W3CDTF">2023-02-20T05:07:44Z</dcterms:created>
  <dcterms:modified xsi:type="dcterms:W3CDTF">2023-02-20T05:07:44Z</dcterms:modified>
</cp:coreProperties>
</file>